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7\HP1807\"/>
    </mc:Choice>
  </mc:AlternateContent>
  <bookViews>
    <workbookView xWindow="0" yWindow="0" windowWidth="23040" windowHeight="9384"/>
  </bookViews>
  <sheets>
    <sheet name="0000" sheetId="1" r:id="rId1"/>
  </sheets>
  <definedNames>
    <definedName name="_xlnm.Print_Titles" localSheetId="0">'0000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平成30年7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9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1"/>
  <sheetViews>
    <sheetView tabSelected="1"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2"/>
      <c r="F1" s="2"/>
      <c r="G1" s="2"/>
      <c r="H1" s="2"/>
      <c r="I1" s="2"/>
      <c r="J1" s="2"/>
    </row>
    <row r="2" spans="1:10" ht="14.25" customHeight="1" x14ac:dyDescent="0.2">
      <c r="A2" s="3"/>
      <c r="B2" s="3"/>
      <c r="C2" s="3"/>
      <c r="D2" s="3"/>
      <c r="E2" s="3"/>
      <c r="F2" s="3"/>
      <c r="G2" s="3"/>
      <c r="H2" s="3"/>
      <c r="I2" s="3"/>
      <c r="J2" s="3"/>
    </row>
    <row r="3" spans="1:10" ht="20.25" customHeight="1" x14ac:dyDescent="0.2">
      <c r="A3" s="4"/>
      <c r="B3" s="5" t="s">
        <v>1</v>
      </c>
      <c r="C3" s="5"/>
      <c r="D3" s="5"/>
    </row>
    <row r="4" spans="1:10" ht="18" customHeight="1" x14ac:dyDescent="0.2">
      <c r="A4" s="6" t="s">
        <v>2</v>
      </c>
      <c r="B4" s="7" t="s">
        <v>3</v>
      </c>
      <c r="C4" s="8" t="s">
        <v>4</v>
      </c>
      <c r="D4" s="9" t="s">
        <v>5</v>
      </c>
    </row>
    <row r="5" spans="1:10" ht="18" customHeight="1" x14ac:dyDescent="0.2">
      <c r="A5" s="10">
        <v>0</v>
      </c>
      <c r="B5" s="11">
        <v>1594</v>
      </c>
      <c r="C5" s="12">
        <v>1462</v>
      </c>
      <c r="D5" s="13">
        <v>3056</v>
      </c>
    </row>
    <row r="6" spans="1:10" ht="18" customHeight="1" x14ac:dyDescent="0.2">
      <c r="A6" s="14">
        <v>1</v>
      </c>
      <c r="B6" s="15">
        <v>1618</v>
      </c>
      <c r="C6" s="16">
        <v>1492</v>
      </c>
      <c r="D6" s="17">
        <v>3110</v>
      </c>
    </row>
    <row r="7" spans="1:10" ht="18" customHeight="1" x14ac:dyDescent="0.2">
      <c r="A7" s="14">
        <v>2</v>
      </c>
      <c r="B7" s="15">
        <v>1656</v>
      </c>
      <c r="C7" s="16">
        <v>1585</v>
      </c>
      <c r="D7" s="17">
        <v>3241</v>
      </c>
    </row>
    <row r="8" spans="1:10" ht="18" customHeight="1" x14ac:dyDescent="0.2">
      <c r="A8" s="14">
        <v>3</v>
      </c>
      <c r="B8" s="15">
        <v>1689</v>
      </c>
      <c r="C8" s="16">
        <v>1556</v>
      </c>
      <c r="D8" s="17">
        <v>3245</v>
      </c>
    </row>
    <row r="9" spans="1:10" ht="18" customHeight="1" x14ac:dyDescent="0.2">
      <c r="A9" s="14">
        <v>4</v>
      </c>
      <c r="B9" s="15">
        <v>1564</v>
      </c>
      <c r="C9" s="16">
        <v>1613</v>
      </c>
      <c r="D9" s="17">
        <v>3177</v>
      </c>
    </row>
    <row r="10" spans="1:10" ht="18" customHeight="1" x14ac:dyDescent="0.2">
      <c r="A10" s="14" t="s">
        <v>6</v>
      </c>
      <c r="B10" s="18">
        <v>8121</v>
      </c>
      <c r="C10" s="19">
        <v>7708</v>
      </c>
      <c r="D10" s="20">
        <v>15829</v>
      </c>
    </row>
    <row r="11" spans="1:10" ht="18" customHeight="1" x14ac:dyDescent="0.2">
      <c r="A11" s="14">
        <v>5</v>
      </c>
      <c r="B11" s="18">
        <v>1675</v>
      </c>
      <c r="C11" s="19">
        <v>1589</v>
      </c>
      <c r="D11" s="20">
        <v>3264</v>
      </c>
    </row>
    <row r="12" spans="1:10" ht="18" customHeight="1" x14ac:dyDescent="0.2">
      <c r="A12" s="14">
        <v>6</v>
      </c>
      <c r="B12" s="18">
        <v>1676</v>
      </c>
      <c r="C12" s="19">
        <v>1661</v>
      </c>
      <c r="D12" s="20">
        <v>3337</v>
      </c>
    </row>
    <row r="13" spans="1:10" ht="18" customHeight="1" x14ac:dyDescent="0.2">
      <c r="A13" s="14">
        <v>7</v>
      </c>
      <c r="B13" s="18">
        <v>1793</v>
      </c>
      <c r="C13" s="19">
        <v>1590</v>
      </c>
      <c r="D13" s="20">
        <v>3383</v>
      </c>
    </row>
    <row r="14" spans="1:10" ht="18" customHeight="1" x14ac:dyDescent="0.2">
      <c r="A14" s="14">
        <v>8</v>
      </c>
      <c r="B14" s="18">
        <v>1828</v>
      </c>
      <c r="C14" s="19">
        <v>1704</v>
      </c>
      <c r="D14" s="20">
        <v>3532</v>
      </c>
    </row>
    <row r="15" spans="1:10" ht="18" customHeight="1" x14ac:dyDescent="0.2">
      <c r="A15" s="14">
        <v>9</v>
      </c>
      <c r="B15" s="18">
        <v>1805</v>
      </c>
      <c r="C15" s="19">
        <v>1694</v>
      </c>
      <c r="D15" s="20">
        <v>3499</v>
      </c>
    </row>
    <row r="16" spans="1:10" ht="18" customHeight="1" x14ac:dyDescent="0.2">
      <c r="A16" s="14" t="s">
        <v>7</v>
      </c>
      <c r="B16" s="18">
        <v>8777</v>
      </c>
      <c r="C16" s="19">
        <v>8238</v>
      </c>
      <c r="D16" s="20">
        <v>17015</v>
      </c>
    </row>
    <row r="17" spans="1:4" ht="18" customHeight="1" x14ac:dyDescent="0.2">
      <c r="A17" s="14">
        <v>10</v>
      </c>
      <c r="B17" s="18">
        <v>1851</v>
      </c>
      <c r="C17" s="19">
        <v>1764</v>
      </c>
      <c r="D17" s="20">
        <v>3615</v>
      </c>
    </row>
    <row r="18" spans="1:4" ht="18" customHeight="1" x14ac:dyDescent="0.2">
      <c r="A18" s="14">
        <v>11</v>
      </c>
      <c r="B18" s="18">
        <v>1783</v>
      </c>
      <c r="C18" s="19">
        <v>1752</v>
      </c>
      <c r="D18" s="20">
        <v>3535</v>
      </c>
    </row>
    <row r="19" spans="1:4" ht="18" customHeight="1" x14ac:dyDescent="0.2">
      <c r="A19" s="14">
        <v>12</v>
      </c>
      <c r="B19" s="18">
        <v>1893</v>
      </c>
      <c r="C19" s="19">
        <v>1755</v>
      </c>
      <c r="D19" s="20">
        <v>3648</v>
      </c>
    </row>
    <row r="20" spans="1:4" ht="18" customHeight="1" x14ac:dyDescent="0.2">
      <c r="A20" s="14">
        <v>13</v>
      </c>
      <c r="B20" s="18">
        <v>1916</v>
      </c>
      <c r="C20" s="19">
        <v>1786</v>
      </c>
      <c r="D20" s="20">
        <v>3702</v>
      </c>
    </row>
    <row r="21" spans="1:4" ht="18" customHeight="1" x14ac:dyDescent="0.2">
      <c r="A21" s="14">
        <v>14</v>
      </c>
      <c r="B21" s="18">
        <v>1928</v>
      </c>
      <c r="C21" s="19">
        <v>1897</v>
      </c>
      <c r="D21" s="20">
        <v>3825</v>
      </c>
    </row>
    <row r="22" spans="1:4" ht="18" customHeight="1" x14ac:dyDescent="0.2">
      <c r="A22" s="14" t="s">
        <v>8</v>
      </c>
      <c r="B22" s="18">
        <v>9371</v>
      </c>
      <c r="C22" s="19">
        <v>8954</v>
      </c>
      <c r="D22" s="20">
        <v>18325</v>
      </c>
    </row>
    <row r="23" spans="1:4" ht="18" customHeight="1" x14ac:dyDescent="0.2">
      <c r="A23" s="14" t="s">
        <v>9</v>
      </c>
      <c r="B23" s="18">
        <v>26269</v>
      </c>
      <c r="C23" s="19">
        <v>24900</v>
      </c>
      <c r="D23" s="20">
        <v>51169</v>
      </c>
    </row>
    <row r="24" spans="1:4" ht="18" customHeight="1" x14ac:dyDescent="0.2">
      <c r="A24" s="14">
        <v>15</v>
      </c>
      <c r="B24" s="18">
        <v>1938</v>
      </c>
      <c r="C24" s="19">
        <v>1872</v>
      </c>
      <c r="D24" s="20">
        <v>3810</v>
      </c>
    </row>
    <row r="25" spans="1:4" ht="18" customHeight="1" x14ac:dyDescent="0.2">
      <c r="A25" s="14">
        <v>16</v>
      </c>
      <c r="B25" s="18">
        <v>2084</v>
      </c>
      <c r="C25" s="19">
        <v>1940</v>
      </c>
      <c r="D25" s="20">
        <v>4024</v>
      </c>
    </row>
    <row r="26" spans="1:4" ht="18" customHeight="1" x14ac:dyDescent="0.2">
      <c r="A26" s="14">
        <v>17</v>
      </c>
      <c r="B26" s="18">
        <v>2101</v>
      </c>
      <c r="C26" s="19">
        <v>1934</v>
      </c>
      <c r="D26" s="20">
        <v>4035</v>
      </c>
    </row>
    <row r="27" spans="1:4" ht="18" customHeight="1" x14ac:dyDescent="0.2">
      <c r="A27" s="14">
        <v>18</v>
      </c>
      <c r="B27" s="18">
        <v>2086</v>
      </c>
      <c r="C27" s="19">
        <v>1855</v>
      </c>
      <c r="D27" s="20">
        <v>3941</v>
      </c>
    </row>
    <row r="28" spans="1:4" ht="18" customHeight="1" x14ac:dyDescent="0.2">
      <c r="A28" s="14">
        <v>19</v>
      </c>
      <c r="B28" s="18">
        <v>2054</v>
      </c>
      <c r="C28" s="19">
        <v>1903</v>
      </c>
      <c r="D28" s="20">
        <v>3957</v>
      </c>
    </row>
    <row r="29" spans="1:4" ht="18" customHeight="1" x14ac:dyDescent="0.2">
      <c r="A29" s="14" t="s">
        <v>10</v>
      </c>
      <c r="B29" s="18">
        <v>10263</v>
      </c>
      <c r="C29" s="19">
        <v>9504</v>
      </c>
      <c r="D29" s="20">
        <v>19767</v>
      </c>
    </row>
    <row r="30" spans="1:4" ht="18" customHeight="1" x14ac:dyDescent="0.2">
      <c r="A30" s="14">
        <v>20</v>
      </c>
      <c r="B30" s="18">
        <v>2087</v>
      </c>
      <c r="C30" s="19">
        <v>1881</v>
      </c>
      <c r="D30" s="20">
        <v>3968</v>
      </c>
    </row>
    <row r="31" spans="1:4" ht="18" customHeight="1" x14ac:dyDescent="0.2">
      <c r="A31" s="14">
        <v>21</v>
      </c>
      <c r="B31" s="18">
        <v>2083</v>
      </c>
      <c r="C31" s="19">
        <v>1947</v>
      </c>
      <c r="D31" s="20">
        <v>4030</v>
      </c>
    </row>
    <row r="32" spans="1:4" ht="18" customHeight="1" x14ac:dyDescent="0.2">
      <c r="A32" s="14">
        <v>22</v>
      </c>
      <c r="B32" s="18">
        <v>2169</v>
      </c>
      <c r="C32" s="19">
        <v>1848</v>
      </c>
      <c r="D32" s="20">
        <v>4017</v>
      </c>
    </row>
    <row r="33" spans="1:4" ht="18" customHeight="1" x14ac:dyDescent="0.2">
      <c r="A33" s="14">
        <v>23</v>
      </c>
      <c r="B33" s="18">
        <v>2297</v>
      </c>
      <c r="C33" s="19">
        <v>1879</v>
      </c>
      <c r="D33" s="20">
        <v>4176</v>
      </c>
    </row>
    <row r="34" spans="1:4" ht="18" customHeight="1" x14ac:dyDescent="0.2">
      <c r="A34" s="14">
        <v>24</v>
      </c>
      <c r="B34" s="18">
        <v>2122</v>
      </c>
      <c r="C34" s="19">
        <v>1869</v>
      </c>
      <c r="D34" s="20">
        <v>3991</v>
      </c>
    </row>
    <row r="35" spans="1:4" ht="18" customHeight="1" x14ac:dyDescent="0.2">
      <c r="A35" s="14" t="s">
        <v>11</v>
      </c>
      <c r="B35" s="18">
        <v>10758</v>
      </c>
      <c r="C35" s="19">
        <v>9424</v>
      </c>
      <c r="D35" s="20">
        <v>20182</v>
      </c>
    </row>
    <row r="36" spans="1:4" ht="18" customHeight="1" x14ac:dyDescent="0.2">
      <c r="A36" s="14">
        <v>25</v>
      </c>
      <c r="B36" s="18">
        <v>2061</v>
      </c>
      <c r="C36" s="19">
        <v>1792</v>
      </c>
      <c r="D36" s="20">
        <v>3853</v>
      </c>
    </row>
    <row r="37" spans="1:4" ht="18" customHeight="1" x14ac:dyDescent="0.2">
      <c r="A37" s="14">
        <v>26</v>
      </c>
      <c r="B37" s="18">
        <v>2113</v>
      </c>
      <c r="C37" s="19">
        <v>1869</v>
      </c>
      <c r="D37" s="20">
        <v>3982</v>
      </c>
    </row>
    <row r="38" spans="1:4" ht="18" customHeight="1" x14ac:dyDescent="0.2">
      <c r="A38" s="14">
        <v>27</v>
      </c>
      <c r="B38" s="18">
        <v>2115</v>
      </c>
      <c r="C38" s="19">
        <v>1755</v>
      </c>
      <c r="D38" s="20">
        <v>3870</v>
      </c>
    </row>
    <row r="39" spans="1:4" ht="18" customHeight="1" x14ac:dyDescent="0.2">
      <c r="A39" s="14">
        <v>28</v>
      </c>
      <c r="B39" s="18">
        <v>2202</v>
      </c>
      <c r="C39" s="19">
        <v>1888</v>
      </c>
      <c r="D39" s="20">
        <v>4090</v>
      </c>
    </row>
    <row r="40" spans="1:4" ht="18" customHeight="1" x14ac:dyDescent="0.2">
      <c r="A40" s="14">
        <v>29</v>
      </c>
      <c r="B40" s="18">
        <v>2177</v>
      </c>
      <c r="C40" s="19">
        <v>1940</v>
      </c>
      <c r="D40" s="20">
        <v>4117</v>
      </c>
    </row>
    <row r="41" spans="1:4" ht="18" customHeight="1" x14ac:dyDescent="0.2">
      <c r="A41" s="14" t="s">
        <v>12</v>
      </c>
      <c r="B41" s="18">
        <v>10668</v>
      </c>
      <c r="C41" s="19">
        <v>9244</v>
      </c>
      <c r="D41" s="20">
        <v>19912</v>
      </c>
    </row>
    <row r="42" spans="1:4" ht="18" customHeight="1" x14ac:dyDescent="0.2">
      <c r="A42" s="14">
        <v>30</v>
      </c>
      <c r="B42" s="18">
        <v>2178</v>
      </c>
      <c r="C42" s="19">
        <v>1957</v>
      </c>
      <c r="D42" s="20">
        <v>4135</v>
      </c>
    </row>
    <row r="43" spans="1:4" ht="18" customHeight="1" x14ac:dyDescent="0.2">
      <c r="A43" s="14">
        <v>31</v>
      </c>
      <c r="B43" s="18">
        <v>2236</v>
      </c>
      <c r="C43" s="19">
        <v>2067</v>
      </c>
      <c r="D43" s="20">
        <v>4303</v>
      </c>
    </row>
    <row r="44" spans="1:4" ht="18" customHeight="1" x14ac:dyDescent="0.2">
      <c r="A44" s="14">
        <v>32</v>
      </c>
      <c r="B44" s="18">
        <v>2297</v>
      </c>
      <c r="C44" s="19">
        <v>2139</v>
      </c>
      <c r="D44" s="20">
        <v>4436</v>
      </c>
    </row>
    <row r="45" spans="1:4" ht="18" customHeight="1" x14ac:dyDescent="0.2">
      <c r="A45" s="14">
        <v>33</v>
      </c>
      <c r="B45" s="18">
        <v>2423</v>
      </c>
      <c r="C45" s="19">
        <v>2224</v>
      </c>
      <c r="D45" s="20">
        <v>4647</v>
      </c>
    </row>
    <row r="46" spans="1:4" ht="18" customHeight="1" x14ac:dyDescent="0.2">
      <c r="A46" s="14">
        <v>34</v>
      </c>
      <c r="B46" s="18">
        <v>2468</v>
      </c>
      <c r="C46" s="19">
        <v>2220</v>
      </c>
      <c r="D46" s="20">
        <v>4688</v>
      </c>
    </row>
    <row r="47" spans="1:4" ht="18" customHeight="1" x14ac:dyDescent="0.2">
      <c r="A47" s="14" t="s">
        <v>13</v>
      </c>
      <c r="B47" s="18">
        <v>11602</v>
      </c>
      <c r="C47" s="19">
        <v>10607</v>
      </c>
      <c r="D47" s="20">
        <v>22209</v>
      </c>
    </row>
    <row r="48" spans="1:4" ht="18" customHeight="1" x14ac:dyDescent="0.2">
      <c r="A48" s="14">
        <v>35</v>
      </c>
      <c r="B48" s="18">
        <v>2464</v>
      </c>
      <c r="C48" s="19">
        <v>2218</v>
      </c>
      <c r="D48" s="20">
        <v>4682</v>
      </c>
    </row>
    <row r="49" spans="1:4" ht="18" customHeight="1" x14ac:dyDescent="0.2">
      <c r="A49" s="14">
        <v>36</v>
      </c>
      <c r="B49" s="18">
        <v>2468</v>
      </c>
      <c r="C49" s="19">
        <v>2359</v>
      </c>
      <c r="D49" s="20">
        <v>4827</v>
      </c>
    </row>
    <row r="50" spans="1:4" ht="18" customHeight="1" x14ac:dyDescent="0.2">
      <c r="A50" s="14">
        <v>37</v>
      </c>
      <c r="B50" s="18">
        <v>2409</v>
      </c>
      <c r="C50" s="19">
        <v>2292</v>
      </c>
      <c r="D50" s="20">
        <v>4701</v>
      </c>
    </row>
    <row r="51" spans="1:4" ht="18" customHeight="1" x14ac:dyDescent="0.2">
      <c r="A51" s="14">
        <v>38</v>
      </c>
      <c r="B51" s="18">
        <v>2594</v>
      </c>
      <c r="C51" s="19">
        <v>2470</v>
      </c>
      <c r="D51" s="20">
        <v>5064</v>
      </c>
    </row>
    <row r="52" spans="1:4" ht="18" customHeight="1" x14ac:dyDescent="0.2">
      <c r="A52" s="14">
        <v>39</v>
      </c>
      <c r="B52" s="18">
        <v>2697</v>
      </c>
      <c r="C52" s="19">
        <v>2590</v>
      </c>
      <c r="D52" s="20">
        <v>5287</v>
      </c>
    </row>
    <row r="53" spans="1:4" ht="18" customHeight="1" x14ac:dyDescent="0.2">
      <c r="A53" s="14" t="s">
        <v>14</v>
      </c>
      <c r="B53" s="18">
        <v>12632</v>
      </c>
      <c r="C53" s="19">
        <v>11929</v>
      </c>
      <c r="D53" s="20">
        <v>24561</v>
      </c>
    </row>
    <row r="54" spans="1:4" ht="18" customHeight="1" x14ac:dyDescent="0.2">
      <c r="A54" s="14">
        <v>40</v>
      </c>
      <c r="B54" s="18">
        <v>3005</v>
      </c>
      <c r="C54" s="19">
        <v>2701</v>
      </c>
      <c r="D54" s="20">
        <v>5706</v>
      </c>
    </row>
    <row r="55" spans="1:4" ht="18" customHeight="1" x14ac:dyDescent="0.2">
      <c r="A55" s="14">
        <v>41</v>
      </c>
      <c r="B55" s="18">
        <v>2922</v>
      </c>
      <c r="C55" s="19">
        <v>2786</v>
      </c>
      <c r="D55" s="20">
        <v>5708</v>
      </c>
    </row>
    <row r="56" spans="1:4" ht="18" customHeight="1" x14ac:dyDescent="0.2">
      <c r="A56" s="14">
        <v>42</v>
      </c>
      <c r="B56" s="18">
        <v>3202</v>
      </c>
      <c r="C56" s="19">
        <v>2975</v>
      </c>
      <c r="D56" s="20">
        <v>6177</v>
      </c>
    </row>
    <row r="57" spans="1:4" ht="18" customHeight="1" x14ac:dyDescent="0.2">
      <c r="A57" s="14">
        <v>43</v>
      </c>
      <c r="B57" s="18">
        <v>3375</v>
      </c>
      <c r="C57" s="19">
        <v>3284</v>
      </c>
      <c r="D57" s="20">
        <v>6659</v>
      </c>
    </row>
    <row r="58" spans="1:4" ht="18" customHeight="1" x14ac:dyDescent="0.2">
      <c r="A58" s="14">
        <v>44</v>
      </c>
      <c r="B58" s="18">
        <v>3511</v>
      </c>
      <c r="C58" s="19">
        <v>3369</v>
      </c>
      <c r="D58" s="20">
        <v>6880</v>
      </c>
    </row>
    <row r="59" spans="1:4" ht="18" customHeight="1" x14ac:dyDescent="0.2">
      <c r="A59" s="14" t="s">
        <v>15</v>
      </c>
      <c r="B59" s="18">
        <v>16015</v>
      </c>
      <c r="C59" s="19">
        <v>15115</v>
      </c>
      <c r="D59" s="20">
        <v>31130</v>
      </c>
    </row>
    <row r="60" spans="1:4" ht="18" customHeight="1" x14ac:dyDescent="0.2">
      <c r="A60" s="14">
        <v>45</v>
      </c>
      <c r="B60" s="18">
        <v>3603</v>
      </c>
      <c r="C60" s="19">
        <v>3480</v>
      </c>
      <c r="D60" s="20">
        <v>7083</v>
      </c>
    </row>
    <row r="61" spans="1:4" ht="18" customHeight="1" x14ac:dyDescent="0.2">
      <c r="A61" s="14">
        <v>46</v>
      </c>
      <c r="B61" s="18">
        <v>3516</v>
      </c>
      <c r="C61" s="19">
        <v>3309</v>
      </c>
      <c r="D61" s="20">
        <v>6825</v>
      </c>
    </row>
    <row r="62" spans="1:4" ht="18" customHeight="1" x14ac:dyDescent="0.2">
      <c r="A62" s="14">
        <v>47</v>
      </c>
      <c r="B62" s="18">
        <v>3258</v>
      </c>
      <c r="C62" s="19">
        <v>3172</v>
      </c>
      <c r="D62" s="20">
        <v>6430</v>
      </c>
    </row>
    <row r="63" spans="1:4" ht="18" customHeight="1" x14ac:dyDescent="0.2">
      <c r="A63" s="14">
        <v>48</v>
      </c>
      <c r="B63" s="18">
        <v>3173</v>
      </c>
      <c r="C63" s="19">
        <v>2927</v>
      </c>
      <c r="D63" s="20">
        <v>6100</v>
      </c>
    </row>
    <row r="64" spans="1:4" ht="18" customHeight="1" x14ac:dyDescent="0.2">
      <c r="A64" s="14">
        <v>49</v>
      </c>
      <c r="B64" s="18">
        <v>3153</v>
      </c>
      <c r="C64" s="19">
        <v>2909</v>
      </c>
      <c r="D64" s="20">
        <v>6062</v>
      </c>
    </row>
    <row r="65" spans="1:4" ht="18" customHeight="1" x14ac:dyDescent="0.2">
      <c r="A65" s="14" t="s">
        <v>16</v>
      </c>
      <c r="B65" s="18">
        <v>16703</v>
      </c>
      <c r="C65" s="19">
        <v>15797</v>
      </c>
      <c r="D65" s="20">
        <v>32500</v>
      </c>
    </row>
    <row r="66" spans="1:4" ht="18" customHeight="1" x14ac:dyDescent="0.2">
      <c r="A66" s="14">
        <v>50</v>
      </c>
      <c r="B66" s="18">
        <v>2892</v>
      </c>
      <c r="C66" s="19">
        <v>2871</v>
      </c>
      <c r="D66" s="20">
        <v>5763</v>
      </c>
    </row>
    <row r="67" spans="1:4" ht="18" customHeight="1" x14ac:dyDescent="0.2">
      <c r="A67" s="14">
        <v>51</v>
      </c>
      <c r="B67" s="18">
        <v>2754</v>
      </c>
      <c r="C67" s="19">
        <v>2730</v>
      </c>
      <c r="D67" s="20">
        <v>5484</v>
      </c>
    </row>
    <row r="68" spans="1:4" ht="18" customHeight="1" x14ac:dyDescent="0.2">
      <c r="A68" s="14">
        <v>52</v>
      </c>
      <c r="B68" s="18">
        <v>2298</v>
      </c>
      <c r="C68" s="19">
        <v>2357</v>
      </c>
      <c r="D68" s="20">
        <v>4655</v>
      </c>
    </row>
    <row r="69" spans="1:4" ht="18" customHeight="1" x14ac:dyDescent="0.2">
      <c r="A69" s="14">
        <v>53</v>
      </c>
      <c r="B69" s="18">
        <v>2645</v>
      </c>
      <c r="C69" s="19">
        <v>2675</v>
      </c>
      <c r="D69" s="20">
        <v>5320</v>
      </c>
    </row>
    <row r="70" spans="1:4" ht="18" customHeight="1" x14ac:dyDescent="0.2">
      <c r="A70" s="14">
        <v>54</v>
      </c>
      <c r="B70" s="18">
        <v>2542</v>
      </c>
      <c r="C70" s="19">
        <v>2507</v>
      </c>
      <c r="D70" s="20">
        <v>5049</v>
      </c>
    </row>
    <row r="71" spans="1:4" ht="18" customHeight="1" x14ac:dyDescent="0.2">
      <c r="A71" s="14" t="s">
        <v>17</v>
      </c>
      <c r="B71" s="18">
        <v>13131</v>
      </c>
      <c r="C71" s="19">
        <v>13140</v>
      </c>
      <c r="D71" s="20">
        <v>26271</v>
      </c>
    </row>
    <row r="72" spans="1:4" ht="18" customHeight="1" x14ac:dyDescent="0.2">
      <c r="A72" s="14">
        <v>55</v>
      </c>
      <c r="B72" s="18">
        <v>2596</v>
      </c>
      <c r="C72" s="19">
        <v>2531</v>
      </c>
      <c r="D72" s="20">
        <v>5127</v>
      </c>
    </row>
    <row r="73" spans="1:4" ht="18" customHeight="1" x14ac:dyDescent="0.2">
      <c r="A73" s="14">
        <v>56</v>
      </c>
      <c r="B73" s="18">
        <v>2288</v>
      </c>
      <c r="C73" s="19">
        <v>2272</v>
      </c>
      <c r="D73" s="20">
        <v>4560</v>
      </c>
    </row>
    <row r="74" spans="1:4" ht="18" customHeight="1" x14ac:dyDescent="0.2">
      <c r="A74" s="14">
        <v>57</v>
      </c>
      <c r="B74" s="18">
        <v>2285</v>
      </c>
      <c r="C74" s="19">
        <v>2500</v>
      </c>
      <c r="D74" s="20">
        <v>4785</v>
      </c>
    </row>
    <row r="75" spans="1:4" ht="18" customHeight="1" x14ac:dyDescent="0.2">
      <c r="A75" s="14">
        <v>58</v>
      </c>
      <c r="B75" s="18">
        <v>2392</v>
      </c>
      <c r="C75" s="19">
        <v>2410</v>
      </c>
      <c r="D75" s="20">
        <v>4802</v>
      </c>
    </row>
    <row r="76" spans="1:4" ht="18" customHeight="1" x14ac:dyDescent="0.2">
      <c r="A76" s="14">
        <v>59</v>
      </c>
      <c r="B76" s="18">
        <v>2345</v>
      </c>
      <c r="C76" s="19">
        <v>2503</v>
      </c>
      <c r="D76" s="20">
        <v>4848</v>
      </c>
    </row>
    <row r="77" spans="1:4" ht="18" customHeight="1" x14ac:dyDescent="0.2">
      <c r="A77" s="14" t="s">
        <v>18</v>
      </c>
      <c r="B77" s="18">
        <v>11906</v>
      </c>
      <c r="C77" s="19">
        <v>12216</v>
      </c>
      <c r="D77" s="20">
        <v>24122</v>
      </c>
    </row>
    <row r="78" spans="1:4" ht="18" customHeight="1" x14ac:dyDescent="0.2">
      <c r="A78" s="14">
        <v>60</v>
      </c>
      <c r="B78" s="18">
        <v>2297</v>
      </c>
      <c r="C78" s="19">
        <v>2317</v>
      </c>
      <c r="D78" s="20">
        <v>4614</v>
      </c>
    </row>
    <row r="79" spans="1:4" ht="18" customHeight="1" x14ac:dyDescent="0.2">
      <c r="A79" s="14">
        <v>61</v>
      </c>
      <c r="B79" s="18">
        <v>2248</v>
      </c>
      <c r="C79" s="19">
        <v>2350</v>
      </c>
      <c r="D79" s="20">
        <v>4598</v>
      </c>
    </row>
    <row r="80" spans="1:4" ht="18" customHeight="1" x14ac:dyDescent="0.2">
      <c r="A80" s="14">
        <v>62</v>
      </c>
      <c r="B80" s="18">
        <v>2356</v>
      </c>
      <c r="C80" s="19">
        <v>2519</v>
      </c>
      <c r="D80" s="20">
        <v>4875</v>
      </c>
    </row>
    <row r="81" spans="1:4" ht="18" customHeight="1" x14ac:dyDescent="0.2">
      <c r="A81" s="14">
        <v>63</v>
      </c>
      <c r="B81" s="18">
        <v>2541</v>
      </c>
      <c r="C81" s="19">
        <v>2655</v>
      </c>
      <c r="D81" s="20">
        <v>5196</v>
      </c>
    </row>
    <row r="82" spans="1:4" ht="18" customHeight="1" x14ac:dyDescent="0.2">
      <c r="A82" s="14">
        <v>64</v>
      </c>
      <c r="B82" s="18">
        <v>2494</v>
      </c>
      <c r="C82" s="19">
        <v>2602</v>
      </c>
      <c r="D82" s="20">
        <v>5096</v>
      </c>
    </row>
    <row r="83" spans="1:4" ht="18" customHeight="1" x14ac:dyDescent="0.2">
      <c r="A83" s="14" t="s">
        <v>19</v>
      </c>
      <c r="B83" s="18">
        <v>11936</v>
      </c>
      <c r="C83" s="19">
        <v>12443</v>
      </c>
      <c r="D83" s="20">
        <v>24379</v>
      </c>
    </row>
    <row r="84" spans="1:4" ht="18" customHeight="1" x14ac:dyDescent="0.2">
      <c r="A84" s="14" t="s">
        <v>20</v>
      </c>
      <c r="B84" s="18">
        <v>125614</v>
      </c>
      <c r="C84" s="19">
        <v>119419</v>
      </c>
      <c r="D84" s="20">
        <v>245033</v>
      </c>
    </row>
    <row r="85" spans="1:4" ht="18" customHeight="1" x14ac:dyDescent="0.2">
      <c r="A85" s="14">
        <v>65</v>
      </c>
      <c r="B85" s="18">
        <v>2705</v>
      </c>
      <c r="C85" s="19">
        <v>2869</v>
      </c>
      <c r="D85" s="20">
        <v>5574</v>
      </c>
    </row>
    <row r="86" spans="1:4" ht="18" customHeight="1" x14ac:dyDescent="0.2">
      <c r="A86" s="14">
        <v>66</v>
      </c>
      <c r="B86" s="18">
        <v>2698</v>
      </c>
      <c r="C86" s="19">
        <v>2870</v>
      </c>
      <c r="D86" s="20">
        <v>5568</v>
      </c>
    </row>
    <row r="87" spans="1:4" ht="18" customHeight="1" x14ac:dyDescent="0.2">
      <c r="A87" s="14">
        <v>67</v>
      </c>
      <c r="B87" s="18">
        <v>2900</v>
      </c>
      <c r="C87" s="19">
        <v>3126</v>
      </c>
      <c r="D87" s="20">
        <v>6026</v>
      </c>
    </row>
    <row r="88" spans="1:4" ht="18" customHeight="1" x14ac:dyDescent="0.2">
      <c r="A88" s="14">
        <v>68</v>
      </c>
      <c r="B88" s="18">
        <v>3232</v>
      </c>
      <c r="C88" s="19">
        <v>3592</v>
      </c>
      <c r="D88" s="20">
        <v>6824</v>
      </c>
    </row>
    <row r="89" spans="1:4" ht="18" customHeight="1" x14ac:dyDescent="0.2">
      <c r="A89" s="14">
        <v>69</v>
      </c>
      <c r="B89" s="18">
        <v>3575</v>
      </c>
      <c r="C89" s="19">
        <v>3827</v>
      </c>
      <c r="D89" s="20">
        <v>7402</v>
      </c>
    </row>
    <row r="90" spans="1:4" ht="18" customHeight="1" x14ac:dyDescent="0.2">
      <c r="A90" s="14" t="s">
        <v>21</v>
      </c>
      <c r="B90" s="18">
        <v>15110</v>
      </c>
      <c r="C90" s="19">
        <v>16284</v>
      </c>
      <c r="D90" s="20">
        <v>31394</v>
      </c>
    </row>
    <row r="91" spans="1:4" ht="18" customHeight="1" x14ac:dyDescent="0.2">
      <c r="A91" s="14">
        <v>70</v>
      </c>
      <c r="B91" s="18">
        <v>3516</v>
      </c>
      <c r="C91" s="19">
        <v>3937</v>
      </c>
      <c r="D91" s="20">
        <v>7453</v>
      </c>
    </row>
    <row r="92" spans="1:4" ht="18" customHeight="1" x14ac:dyDescent="0.2">
      <c r="A92" s="14">
        <v>71</v>
      </c>
      <c r="B92" s="18">
        <v>3435</v>
      </c>
      <c r="C92" s="19">
        <v>3976</v>
      </c>
      <c r="D92" s="20">
        <v>7411</v>
      </c>
    </row>
    <row r="93" spans="1:4" ht="18" customHeight="1" x14ac:dyDescent="0.2">
      <c r="A93" s="14">
        <v>72</v>
      </c>
      <c r="B93" s="18">
        <v>1759</v>
      </c>
      <c r="C93" s="19">
        <v>1983</v>
      </c>
      <c r="D93" s="20">
        <v>3742</v>
      </c>
    </row>
    <row r="94" spans="1:4" ht="18" customHeight="1" x14ac:dyDescent="0.2">
      <c r="A94" s="14">
        <v>73</v>
      </c>
      <c r="B94" s="18">
        <v>2106</v>
      </c>
      <c r="C94" s="19">
        <v>2536</v>
      </c>
      <c r="D94" s="20">
        <v>4642</v>
      </c>
    </row>
    <row r="95" spans="1:4" ht="18" customHeight="1" x14ac:dyDescent="0.2">
      <c r="A95" s="14">
        <v>74</v>
      </c>
      <c r="B95" s="18">
        <v>2539</v>
      </c>
      <c r="C95" s="19">
        <v>3127</v>
      </c>
      <c r="D95" s="20">
        <v>5666</v>
      </c>
    </row>
    <row r="96" spans="1:4" ht="18" customHeight="1" x14ac:dyDescent="0.2">
      <c r="A96" s="14" t="s">
        <v>22</v>
      </c>
      <c r="B96" s="18">
        <v>13355</v>
      </c>
      <c r="C96" s="19">
        <v>15559</v>
      </c>
      <c r="D96" s="20">
        <v>28914</v>
      </c>
    </row>
    <row r="97" spans="1:4" ht="18" customHeight="1" x14ac:dyDescent="0.2">
      <c r="A97" s="14">
        <v>75</v>
      </c>
      <c r="B97" s="18">
        <v>2314</v>
      </c>
      <c r="C97" s="19">
        <v>2832</v>
      </c>
      <c r="D97" s="20">
        <v>5146</v>
      </c>
    </row>
    <row r="98" spans="1:4" ht="18" customHeight="1" x14ac:dyDescent="0.2">
      <c r="A98" s="14">
        <v>76</v>
      </c>
      <c r="B98" s="18">
        <v>2482</v>
      </c>
      <c r="C98" s="19">
        <v>3100</v>
      </c>
      <c r="D98" s="20">
        <v>5582</v>
      </c>
    </row>
    <row r="99" spans="1:4" ht="18" customHeight="1" x14ac:dyDescent="0.2">
      <c r="A99" s="14">
        <v>77</v>
      </c>
      <c r="B99" s="18">
        <v>2153</v>
      </c>
      <c r="C99" s="19">
        <v>2625</v>
      </c>
      <c r="D99" s="20">
        <v>4778</v>
      </c>
    </row>
    <row r="100" spans="1:4" ht="18" customHeight="1" x14ac:dyDescent="0.2">
      <c r="A100" s="14">
        <v>78</v>
      </c>
      <c r="B100" s="18">
        <v>1896</v>
      </c>
      <c r="C100" s="19">
        <v>2394</v>
      </c>
      <c r="D100" s="20">
        <v>4290</v>
      </c>
    </row>
    <row r="101" spans="1:4" ht="18" customHeight="1" x14ac:dyDescent="0.2">
      <c r="A101" s="14">
        <v>79</v>
      </c>
      <c r="B101" s="18">
        <v>1509</v>
      </c>
      <c r="C101" s="19">
        <v>1977</v>
      </c>
      <c r="D101" s="20">
        <v>3486</v>
      </c>
    </row>
    <row r="102" spans="1:4" ht="18" customHeight="1" x14ac:dyDescent="0.2">
      <c r="A102" s="14" t="s">
        <v>23</v>
      </c>
      <c r="B102" s="18">
        <v>10354</v>
      </c>
      <c r="C102" s="19">
        <v>12928</v>
      </c>
      <c r="D102" s="20">
        <v>23282</v>
      </c>
    </row>
    <row r="103" spans="1:4" ht="18" customHeight="1" x14ac:dyDescent="0.2">
      <c r="A103" s="14">
        <v>80</v>
      </c>
      <c r="B103" s="18">
        <v>1579</v>
      </c>
      <c r="C103" s="19">
        <v>2203</v>
      </c>
      <c r="D103" s="20">
        <v>3782</v>
      </c>
    </row>
    <row r="104" spans="1:4" ht="18" customHeight="1" x14ac:dyDescent="0.2">
      <c r="A104" s="14">
        <v>81</v>
      </c>
      <c r="B104" s="18">
        <v>1544</v>
      </c>
      <c r="C104" s="19">
        <v>2183</v>
      </c>
      <c r="D104" s="20">
        <v>3727</v>
      </c>
    </row>
    <row r="105" spans="1:4" ht="18" customHeight="1" x14ac:dyDescent="0.2">
      <c r="A105" s="14">
        <v>82</v>
      </c>
      <c r="B105" s="18">
        <v>1560</v>
      </c>
      <c r="C105" s="19">
        <v>2509</v>
      </c>
      <c r="D105" s="20">
        <v>4069</v>
      </c>
    </row>
    <row r="106" spans="1:4" ht="18" customHeight="1" x14ac:dyDescent="0.2">
      <c r="A106" s="14">
        <v>83</v>
      </c>
      <c r="B106" s="18">
        <v>1200</v>
      </c>
      <c r="C106" s="19">
        <v>1824</v>
      </c>
      <c r="D106" s="20">
        <v>3024</v>
      </c>
    </row>
    <row r="107" spans="1:4" ht="18" customHeight="1" x14ac:dyDescent="0.2">
      <c r="A107" s="14">
        <v>84</v>
      </c>
      <c r="B107" s="18">
        <v>1216</v>
      </c>
      <c r="C107" s="19">
        <v>2000</v>
      </c>
      <c r="D107" s="20">
        <v>3216</v>
      </c>
    </row>
    <row r="108" spans="1:4" ht="18" customHeight="1" x14ac:dyDescent="0.2">
      <c r="A108" s="14" t="s">
        <v>24</v>
      </c>
      <c r="B108" s="18">
        <v>7099</v>
      </c>
      <c r="C108" s="19">
        <v>10719</v>
      </c>
      <c r="D108" s="20">
        <v>17818</v>
      </c>
    </row>
    <row r="109" spans="1:4" ht="18" customHeight="1" x14ac:dyDescent="0.2">
      <c r="A109" s="14">
        <v>85</v>
      </c>
      <c r="B109" s="18">
        <v>1045</v>
      </c>
      <c r="C109" s="19">
        <v>2057</v>
      </c>
      <c r="D109" s="20">
        <v>3102</v>
      </c>
    </row>
    <row r="110" spans="1:4" ht="18" customHeight="1" x14ac:dyDescent="0.2">
      <c r="A110" s="14">
        <v>86</v>
      </c>
      <c r="B110" s="18">
        <v>865</v>
      </c>
      <c r="C110" s="19">
        <v>1831</v>
      </c>
      <c r="D110" s="20">
        <v>2696</v>
      </c>
    </row>
    <row r="111" spans="1:4" ht="18" customHeight="1" x14ac:dyDescent="0.2">
      <c r="A111" s="14">
        <v>87</v>
      </c>
      <c r="B111" s="18">
        <v>815</v>
      </c>
      <c r="C111" s="19">
        <v>1629</v>
      </c>
      <c r="D111" s="20">
        <v>2444</v>
      </c>
    </row>
    <row r="112" spans="1:4" ht="18" customHeight="1" x14ac:dyDescent="0.2">
      <c r="A112" s="14">
        <v>88</v>
      </c>
      <c r="B112" s="18">
        <v>648</v>
      </c>
      <c r="C112" s="19">
        <v>1410</v>
      </c>
      <c r="D112" s="20">
        <v>2058</v>
      </c>
    </row>
    <row r="113" spans="1:4" ht="18" customHeight="1" x14ac:dyDescent="0.2">
      <c r="A113" s="14">
        <v>89</v>
      </c>
      <c r="B113" s="18">
        <v>574</v>
      </c>
      <c r="C113" s="19">
        <v>1396</v>
      </c>
      <c r="D113" s="20">
        <v>1970</v>
      </c>
    </row>
    <row r="114" spans="1:4" ht="18" customHeight="1" x14ac:dyDescent="0.2">
      <c r="A114" s="14" t="s">
        <v>25</v>
      </c>
      <c r="B114" s="18">
        <v>3947</v>
      </c>
      <c r="C114" s="19">
        <v>8323</v>
      </c>
      <c r="D114" s="20">
        <v>12270</v>
      </c>
    </row>
    <row r="115" spans="1:4" ht="18" customHeight="1" x14ac:dyDescent="0.2">
      <c r="A115" s="14">
        <v>90</v>
      </c>
      <c r="B115" s="18">
        <v>480</v>
      </c>
      <c r="C115" s="19">
        <v>1141</v>
      </c>
      <c r="D115" s="20">
        <v>1621</v>
      </c>
    </row>
    <row r="116" spans="1:4" ht="18" customHeight="1" x14ac:dyDescent="0.2">
      <c r="A116" s="14">
        <v>91</v>
      </c>
      <c r="B116" s="18">
        <v>386</v>
      </c>
      <c r="C116" s="19">
        <v>944</v>
      </c>
      <c r="D116" s="20">
        <v>1330</v>
      </c>
    </row>
    <row r="117" spans="1:4" ht="18" customHeight="1" x14ac:dyDescent="0.2">
      <c r="A117" s="14">
        <v>92</v>
      </c>
      <c r="B117" s="18">
        <v>290</v>
      </c>
      <c r="C117" s="19">
        <v>879</v>
      </c>
      <c r="D117" s="20">
        <v>1169</v>
      </c>
    </row>
    <row r="118" spans="1:4" ht="18" customHeight="1" x14ac:dyDescent="0.2">
      <c r="A118" s="14">
        <v>93</v>
      </c>
      <c r="B118" s="18">
        <v>217</v>
      </c>
      <c r="C118" s="19">
        <v>760</v>
      </c>
      <c r="D118" s="20">
        <v>977</v>
      </c>
    </row>
    <row r="119" spans="1:4" ht="18" customHeight="1" x14ac:dyDescent="0.2">
      <c r="A119" s="14">
        <v>94</v>
      </c>
      <c r="B119" s="18">
        <v>148</v>
      </c>
      <c r="C119" s="19">
        <v>560</v>
      </c>
      <c r="D119" s="20">
        <v>708</v>
      </c>
    </row>
    <row r="120" spans="1:4" ht="18" customHeight="1" x14ac:dyDescent="0.2">
      <c r="A120" s="14" t="s">
        <v>26</v>
      </c>
      <c r="B120" s="18">
        <v>1521</v>
      </c>
      <c r="C120" s="19">
        <v>4284</v>
      </c>
      <c r="D120" s="20">
        <v>5805</v>
      </c>
    </row>
    <row r="121" spans="1:4" ht="18" customHeight="1" x14ac:dyDescent="0.2">
      <c r="A121" s="14">
        <v>95</v>
      </c>
      <c r="B121" s="18">
        <v>99</v>
      </c>
      <c r="C121" s="19">
        <v>451</v>
      </c>
      <c r="D121" s="20">
        <v>550</v>
      </c>
    </row>
    <row r="122" spans="1:4" ht="18" customHeight="1" x14ac:dyDescent="0.2">
      <c r="A122" s="14">
        <v>96</v>
      </c>
      <c r="B122" s="18">
        <v>72</v>
      </c>
      <c r="C122" s="19">
        <v>386</v>
      </c>
      <c r="D122" s="20">
        <v>458</v>
      </c>
    </row>
    <row r="123" spans="1:4" ht="18" customHeight="1" x14ac:dyDescent="0.2">
      <c r="A123" s="14">
        <v>97</v>
      </c>
      <c r="B123" s="18">
        <v>45</v>
      </c>
      <c r="C123" s="19">
        <v>281</v>
      </c>
      <c r="D123" s="20">
        <v>326</v>
      </c>
    </row>
    <row r="124" spans="1:4" ht="18" customHeight="1" x14ac:dyDescent="0.2">
      <c r="A124" s="14">
        <v>98</v>
      </c>
      <c r="B124" s="18">
        <v>33</v>
      </c>
      <c r="C124" s="19">
        <v>174</v>
      </c>
      <c r="D124" s="20">
        <v>207</v>
      </c>
    </row>
    <row r="125" spans="1:4" ht="18" customHeight="1" x14ac:dyDescent="0.2">
      <c r="A125" s="14">
        <v>99</v>
      </c>
      <c r="B125" s="18">
        <v>14</v>
      </c>
      <c r="C125" s="19">
        <v>120</v>
      </c>
      <c r="D125" s="20">
        <v>134</v>
      </c>
    </row>
    <row r="126" spans="1:4" ht="18" customHeight="1" x14ac:dyDescent="0.2">
      <c r="A126" s="14" t="s">
        <v>27</v>
      </c>
      <c r="B126" s="18">
        <v>263</v>
      </c>
      <c r="C126" s="19">
        <v>1412</v>
      </c>
      <c r="D126" s="20">
        <v>1675</v>
      </c>
    </row>
    <row r="127" spans="1:4" ht="18" customHeight="1" x14ac:dyDescent="0.2">
      <c r="A127" s="14">
        <v>100</v>
      </c>
      <c r="B127" s="18">
        <v>18</v>
      </c>
      <c r="C127" s="19">
        <v>73</v>
      </c>
      <c r="D127" s="20">
        <v>91</v>
      </c>
    </row>
    <row r="128" spans="1:4" ht="18" customHeight="1" x14ac:dyDescent="0.2">
      <c r="A128" s="21" t="s">
        <v>28</v>
      </c>
      <c r="B128" s="18">
        <v>9</v>
      </c>
      <c r="C128" s="19">
        <v>134</v>
      </c>
      <c r="D128" s="20">
        <v>143</v>
      </c>
    </row>
    <row r="129" spans="1:4" ht="18" customHeight="1" x14ac:dyDescent="0.2">
      <c r="A129" s="14" t="s">
        <v>29</v>
      </c>
      <c r="B129" s="18">
        <v>27</v>
      </c>
      <c r="C129" s="19">
        <v>207</v>
      </c>
      <c r="D129" s="20">
        <v>234</v>
      </c>
    </row>
    <row r="130" spans="1:4" ht="18" customHeight="1" x14ac:dyDescent="0.2">
      <c r="A130" s="14" t="s">
        <v>30</v>
      </c>
      <c r="B130" s="22">
        <v>51676</v>
      </c>
      <c r="C130" s="23">
        <v>69716</v>
      </c>
      <c r="D130" s="24">
        <v>121392</v>
      </c>
    </row>
    <row r="131" spans="1:4" ht="18" customHeight="1" x14ac:dyDescent="0.2">
      <c r="A131" s="25" t="s">
        <v>31</v>
      </c>
      <c r="B131" s="26">
        <v>203559</v>
      </c>
      <c r="C131" s="27">
        <v>214035</v>
      </c>
      <c r="D131" s="28">
        <v>41759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8-02T02:51:31Z</dcterms:created>
  <dcterms:modified xsi:type="dcterms:W3CDTF">2018-08-02T02:51:33Z</dcterms:modified>
</cp:coreProperties>
</file>